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/>
  </bookViews>
  <sheets>
    <sheet name="19-17" sheetId="1" r:id="rId1"/>
  </sheets>
  <definedNames>
    <definedName name="_xlnm.Print_Area" localSheetId="0">'19-17'!$A$1:$K$24</definedName>
  </definedNames>
  <calcPr calcId="152511"/>
</workbook>
</file>

<file path=xl/comments1.xml><?xml version="1.0" encoding="utf-8"?>
<comments xmlns="http://schemas.openxmlformats.org/spreadsheetml/2006/main">
  <authors>
    <author>SAKU</author>
  </authors>
  <commentList>
    <comment ref="C3" authorId="0" shapeId="0">
      <text>
        <r>
          <rPr>
            <sz val="9"/>
            <color indexed="81"/>
            <rFont val="ＭＳ Ｐゴシック"/>
            <family val="3"/>
            <charset val="128"/>
          </rPr>
          <t>臨時職員も含む</t>
        </r>
      </text>
    </comment>
  </commentList>
</comments>
</file>

<file path=xl/sharedStrings.xml><?xml version="1.0" encoding="utf-8"?>
<sst xmlns="http://schemas.openxmlformats.org/spreadsheetml/2006/main" count="20" uniqueCount="19">
  <si>
    <t>4歳以上</t>
    <rPh sb="1" eb="2">
      <t>サイ</t>
    </rPh>
    <rPh sb="2" eb="4">
      <t>イジョウ</t>
    </rPh>
    <phoneticPr fontId="5"/>
  </si>
  <si>
    <t>3歳</t>
    <rPh sb="1" eb="2">
      <t>サイ</t>
    </rPh>
    <phoneticPr fontId="5"/>
  </si>
  <si>
    <t>3歳未満</t>
    <rPh sb="1" eb="2">
      <t>サイ</t>
    </rPh>
    <rPh sb="2" eb="4">
      <t>ミマン</t>
    </rPh>
    <phoneticPr fontId="5"/>
  </si>
  <si>
    <t>総数</t>
    <rPh sb="0" eb="2">
      <t>ソウスウ</t>
    </rPh>
    <phoneticPr fontId="5"/>
  </si>
  <si>
    <t>その他</t>
    <rPh sb="2" eb="3">
      <t>タ</t>
    </rPh>
    <phoneticPr fontId="5"/>
  </si>
  <si>
    <t>保育士</t>
    <rPh sb="0" eb="2">
      <t>ホイク</t>
    </rPh>
    <rPh sb="2" eb="3">
      <t>シ</t>
    </rPh>
    <phoneticPr fontId="5"/>
  </si>
  <si>
    <t>園長</t>
    <rPh sb="0" eb="2">
      <t>エンチョウ</t>
    </rPh>
    <phoneticPr fontId="5"/>
  </si>
  <si>
    <t>園児数</t>
    <rPh sb="0" eb="2">
      <t>エンジ</t>
    </rPh>
    <rPh sb="2" eb="3">
      <t>カズ</t>
    </rPh>
    <phoneticPr fontId="5"/>
  </si>
  <si>
    <t>定員</t>
    <rPh sb="0" eb="2">
      <t>テイイン</t>
    </rPh>
    <phoneticPr fontId="5"/>
  </si>
  <si>
    <t>職員数</t>
    <rPh sb="0" eb="2">
      <t>ショクイン</t>
    </rPh>
    <rPh sb="2" eb="3">
      <t>カズ</t>
    </rPh>
    <phoneticPr fontId="5"/>
  </si>
  <si>
    <t>保育所</t>
    <rPh sb="0" eb="3">
      <t>ホイクジョ</t>
    </rPh>
    <phoneticPr fontId="5"/>
  </si>
  <si>
    <t>年度</t>
    <rPh sb="0" eb="2">
      <t>ネンド</t>
    </rPh>
    <phoneticPr fontId="5"/>
  </si>
  <si>
    <t>－公立－</t>
    <rPh sb="1" eb="3">
      <t>コウリツ</t>
    </rPh>
    <phoneticPr fontId="5"/>
  </si>
  <si>
    <t>19-17　保育所の概況</t>
    <rPh sb="6" eb="9">
      <t>ホイクジョ</t>
    </rPh>
    <rPh sb="10" eb="12">
      <t>ガイキョウ</t>
    </rPh>
    <phoneticPr fontId="5"/>
  </si>
  <si>
    <t>資料：子育て支援課</t>
    <rPh sb="0" eb="2">
      <t>シリョウ</t>
    </rPh>
    <rPh sb="3" eb="5">
      <t>コソダ</t>
    </rPh>
    <rPh sb="6" eb="8">
      <t>シエン</t>
    </rPh>
    <rPh sb="8" eb="9">
      <t>カ</t>
    </rPh>
    <phoneticPr fontId="5"/>
  </si>
  <si>
    <t>平成13年度</t>
    <rPh sb="0" eb="2">
      <t>ヘイセイ</t>
    </rPh>
    <rPh sb="4" eb="6">
      <t>ネンド</t>
    </rPh>
    <phoneticPr fontId="5"/>
  </si>
  <si>
    <t>各年度4月1日現在（単位：所、人）</t>
    <rPh sb="0" eb="3">
      <t>カク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ショ</t>
    </rPh>
    <rPh sb="15" eb="16">
      <t>ヒト</t>
    </rPh>
    <phoneticPr fontId="5"/>
  </si>
  <si>
    <t>平成31年度</t>
    <rPh sb="0" eb="2">
      <t>ヘイセイ</t>
    </rPh>
    <rPh sb="4" eb="6">
      <t>ネンド</t>
    </rPh>
    <phoneticPr fontId="3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name val="明朝"/>
      <family val="1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9"/>
      <color indexed="81"/>
      <name val="ＭＳ Ｐゴシック"/>
      <family val="3"/>
      <charset val="128"/>
    </font>
    <font>
      <sz val="11"/>
      <color rgb="FFFF0000"/>
      <name val="明朝"/>
      <family val="1"/>
      <charset val="128"/>
    </font>
    <font>
      <sz val="10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33">
    <xf numFmtId="0" fontId="0" fillId="0" borderId="0" xfId="0">
      <alignment vertical="center"/>
    </xf>
    <xf numFmtId="0" fontId="2" fillId="0" borderId="0" xfId="3" applyFont="1" applyAlignment="1">
      <alignment vertical="center"/>
    </xf>
    <xf numFmtId="38" fontId="2" fillId="0" borderId="0" xfId="3" applyNumberFormat="1" applyFont="1" applyAlignment="1">
      <alignment vertical="center"/>
    </xf>
    <xf numFmtId="0" fontId="4" fillId="0" borderId="0" xfId="3" applyFont="1" applyAlignment="1">
      <alignment vertical="center"/>
    </xf>
    <xf numFmtId="0" fontId="4" fillId="0" borderId="1" xfId="3" applyFont="1" applyBorder="1" applyAlignment="1">
      <alignment horizontal="center" vertical="center"/>
    </xf>
    <xf numFmtId="0" fontId="4" fillId="0" borderId="2" xfId="3" applyFont="1" applyBorder="1" applyAlignment="1">
      <alignment horizontal="center" vertical="center"/>
    </xf>
    <xf numFmtId="0" fontId="4" fillId="0" borderId="3" xfId="3" applyFont="1" applyBorder="1" applyAlignment="1">
      <alignment horizontal="center" vertical="center"/>
    </xf>
    <xf numFmtId="49" fontId="6" fillId="0" borderId="0" xfId="3" applyNumberFormat="1" applyFont="1" applyAlignment="1">
      <alignment vertical="center"/>
    </xf>
    <xf numFmtId="0" fontId="6" fillId="0" borderId="0" xfId="3" applyFont="1" applyAlignment="1">
      <alignment vertical="center"/>
    </xf>
    <xf numFmtId="0" fontId="2" fillId="0" borderId="0" xfId="3" applyFont="1" applyFill="1" applyAlignment="1">
      <alignment vertical="center"/>
    </xf>
    <xf numFmtId="38" fontId="4" fillId="0" borderId="0" xfId="2" applyFont="1" applyFill="1" applyBorder="1" applyAlignment="1">
      <alignment vertical="center"/>
    </xf>
    <xf numFmtId="38" fontId="4" fillId="0" borderId="4" xfId="2" applyFont="1" applyFill="1" applyBorder="1" applyAlignment="1">
      <alignment vertical="center"/>
    </xf>
    <xf numFmtId="0" fontId="4" fillId="0" borderId="0" xfId="3" applyFont="1" applyFill="1" applyBorder="1" applyAlignment="1">
      <alignment horizontal="center" vertical="center"/>
    </xf>
    <xf numFmtId="0" fontId="4" fillId="0" borderId="5" xfId="3" applyFont="1" applyFill="1" applyBorder="1" applyAlignment="1">
      <alignment horizontal="center" vertical="center"/>
    </xf>
    <xf numFmtId="0" fontId="4" fillId="0" borderId="0" xfId="3" applyFont="1" applyBorder="1" applyAlignment="1">
      <alignment horizontal="center" vertical="center"/>
    </xf>
    <xf numFmtId="38" fontId="4" fillId="0" borderId="0" xfId="2" applyFont="1" applyBorder="1" applyAlignment="1">
      <alignment vertical="center"/>
    </xf>
    <xf numFmtId="0" fontId="4" fillId="0" borderId="0" xfId="3" applyFont="1" applyAlignment="1">
      <alignment horizontal="right" vertical="center"/>
    </xf>
    <xf numFmtId="0" fontId="8" fillId="0" borderId="0" xfId="3" applyFont="1" applyFill="1" applyAlignment="1">
      <alignment vertical="center"/>
    </xf>
    <xf numFmtId="3" fontId="4" fillId="0" borderId="0" xfId="2" applyNumberFormat="1" applyFont="1" applyFill="1" applyBorder="1" applyAlignment="1">
      <alignment vertical="center"/>
    </xf>
    <xf numFmtId="3" fontId="4" fillId="0" borderId="4" xfId="2" applyNumberFormat="1" applyFont="1" applyFill="1" applyBorder="1" applyAlignment="1">
      <alignment vertical="center"/>
    </xf>
    <xf numFmtId="3" fontId="4" fillId="0" borderId="6" xfId="2" applyNumberFormat="1" applyFont="1" applyFill="1" applyBorder="1" applyAlignment="1">
      <alignment vertical="center"/>
    </xf>
    <xf numFmtId="3" fontId="4" fillId="0" borderId="5" xfId="2" applyNumberFormat="1" applyFont="1" applyFill="1" applyBorder="1" applyAlignment="1">
      <alignment vertical="center"/>
    </xf>
    <xf numFmtId="0" fontId="4" fillId="0" borderId="7" xfId="3" applyFont="1" applyBorder="1" applyAlignment="1">
      <alignment horizontal="center" vertical="center"/>
    </xf>
    <xf numFmtId="0" fontId="4" fillId="0" borderId="8" xfId="3" applyFont="1" applyBorder="1" applyAlignment="1">
      <alignment horizontal="center" vertical="center"/>
    </xf>
    <xf numFmtId="0" fontId="4" fillId="0" borderId="9" xfId="3" applyFont="1" applyBorder="1" applyAlignment="1">
      <alignment horizontal="center" vertical="center"/>
    </xf>
    <xf numFmtId="0" fontId="4" fillId="0" borderId="10" xfId="3" applyFont="1" applyBorder="1" applyAlignment="1">
      <alignment horizontal="center" vertical="center"/>
    </xf>
    <xf numFmtId="0" fontId="4" fillId="0" borderId="3" xfId="3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center" vertical="center"/>
    </xf>
    <xf numFmtId="38" fontId="9" fillId="0" borderId="0" xfId="2" applyFont="1" applyBorder="1" applyAlignment="1">
      <alignment vertical="center"/>
    </xf>
  </cellXfs>
  <cellStyles count="4">
    <cellStyle name="桁区切り 2" xfId="1"/>
    <cellStyle name="桁区切り 3" xfId="2"/>
    <cellStyle name="標準" xfId="0" builtinId="0"/>
    <cellStyle name="標準_コピー19-17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61"/>
  <sheetViews>
    <sheetView tabSelected="1" zoomScaleNormal="100" zoomScaleSheetLayoutView="100" workbookViewId="0">
      <selection activeCell="A2" sqref="A2"/>
    </sheetView>
  </sheetViews>
  <sheetFormatPr defaultRowHeight="13.5"/>
  <cols>
    <col min="1" max="1" width="11.125" style="1" customWidth="1"/>
    <col min="2" max="11" width="7.5" style="1" customWidth="1"/>
    <col min="12" max="12" width="7.125" style="1" customWidth="1"/>
    <col min="13" max="16384" width="9" style="1"/>
  </cols>
  <sheetData>
    <row r="1" spans="1:21" s="29" customFormat="1" ht="18" customHeight="1">
      <c r="A1" s="28" t="s">
        <v>18</v>
      </c>
      <c r="M1" s="30"/>
      <c r="N1" s="30"/>
      <c r="O1" s="30"/>
      <c r="P1" s="31"/>
      <c r="Q1" s="31"/>
      <c r="R1" s="31"/>
      <c r="S1" s="31"/>
      <c r="T1" s="31"/>
      <c r="U1" s="31"/>
    </row>
    <row r="2" spans="1:21" ht="18" customHeight="1" thickBot="1">
      <c r="A2" s="8" t="s">
        <v>13</v>
      </c>
      <c r="D2" s="7"/>
      <c r="E2" s="7" t="s">
        <v>12</v>
      </c>
      <c r="K2" s="16" t="s">
        <v>16</v>
      </c>
    </row>
    <row r="3" spans="1:21" ht="12" customHeight="1">
      <c r="A3" s="24" t="s">
        <v>11</v>
      </c>
      <c r="B3" s="22" t="s">
        <v>10</v>
      </c>
      <c r="C3" s="27" t="s">
        <v>9</v>
      </c>
      <c r="D3" s="27"/>
      <c r="E3" s="27"/>
      <c r="F3" s="27"/>
      <c r="G3" s="22" t="s">
        <v>8</v>
      </c>
      <c r="H3" s="22" t="s">
        <v>7</v>
      </c>
      <c r="I3" s="22"/>
      <c r="J3" s="22"/>
      <c r="K3" s="23"/>
    </row>
    <row r="4" spans="1:21" ht="12" customHeight="1">
      <c r="A4" s="25"/>
      <c r="B4" s="26"/>
      <c r="C4" s="6" t="s">
        <v>3</v>
      </c>
      <c r="D4" s="6" t="s">
        <v>6</v>
      </c>
      <c r="E4" s="6" t="s">
        <v>5</v>
      </c>
      <c r="F4" s="6" t="s">
        <v>4</v>
      </c>
      <c r="G4" s="26"/>
      <c r="H4" s="6" t="s">
        <v>3</v>
      </c>
      <c r="I4" s="6" t="s">
        <v>2</v>
      </c>
      <c r="J4" s="6" t="s">
        <v>1</v>
      </c>
      <c r="K4" s="5" t="s">
        <v>0</v>
      </c>
    </row>
    <row r="5" spans="1:21" ht="18" customHeight="1">
      <c r="A5" s="4" t="s">
        <v>15</v>
      </c>
      <c r="B5" s="15">
        <v>20</v>
      </c>
      <c r="C5" s="15">
        <v>156</v>
      </c>
      <c r="D5" s="15">
        <v>17</v>
      </c>
      <c r="E5" s="15">
        <v>115</v>
      </c>
      <c r="F5" s="15">
        <v>24</v>
      </c>
      <c r="G5" s="15">
        <v>1655</v>
      </c>
      <c r="H5" s="15">
        <v>1519</v>
      </c>
      <c r="I5" s="15">
        <v>169</v>
      </c>
      <c r="J5" s="15">
        <v>406</v>
      </c>
      <c r="K5" s="15">
        <v>944</v>
      </c>
    </row>
    <row r="6" spans="1:21" ht="18" customHeight="1">
      <c r="A6" s="4">
        <v>14</v>
      </c>
      <c r="B6" s="15">
        <v>20</v>
      </c>
      <c r="C6" s="15">
        <v>152</v>
      </c>
      <c r="D6" s="15">
        <v>17</v>
      </c>
      <c r="E6" s="15">
        <v>111</v>
      </c>
      <c r="F6" s="15">
        <v>24</v>
      </c>
      <c r="G6" s="15">
        <v>1650</v>
      </c>
      <c r="H6" s="15">
        <v>1515</v>
      </c>
      <c r="I6" s="15">
        <v>172</v>
      </c>
      <c r="J6" s="15">
        <v>402</v>
      </c>
      <c r="K6" s="15">
        <v>941</v>
      </c>
    </row>
    <row r="7" spans="1:21" ht="18" customHeight="1">
      <c r="A7" s="4">
        <v>15</v>
      </c>
      <c r="B7" s="15">
        <v>20</v>
      </c>
      <c r="C7" s="15">
        <v>152</v>
      </c>
      <c r="D7" s="15">
        <v>17</v>
      </c>
      <c r="E7" s="15">
        <v>111</v>
      </c>
      <c r="F7" s="15">
        <v>24</v>
      </c>
      <c r="G7" s="15">
        <v>1650</v>
      </c>
      <c r="H7" s="32">
        <v>1497</v>
      </c>
      <c r="I7" s="15">
        <v>182</v>
      </c>
      <c r="J7" s="15">
        <v>390</v>
      </c>
      <c r="K7" s="15">
        <v>925</v>
      </c>
    </row>
    <row r="8" spans="1:21" ht="18" customHeight="1">
      <c r="A8" s="4">
        <v>16</v>
      </c>
      <c r="B8" s="15">
        <v>20</v>
      </c>
      <c r="C8" s="15">
        <v>156</v>
      </c>
      <c r="D8" s="15">
        <v>17</v>
      </c>
      <c r="E8" s="15">
        <v>116</v>
      </c>
      <c r="F8" s="15">
        <v>23</v>
      </c>
      <c r="G8" s="15">
        <v>1670</v>
      </c>
      <c r="H8" s="32">
        <v>1498</v>
      </c>
      <c r="I8" s="15">
        <v>207</v>
      </c>
      <c r="J8" s="15">
        <v>376</v>
      </c>
      <c r="K8" s="15">
        <v>915</v>
      </c>
    </row>
    <row r="9" spans="1:21" ht="18" customHeight="1">
      <c r="A9" s="4">
        <v>17</v>
      </c>
      <c r="B9" s="15">
        <v>20</v>
      </c>
      <c r="C9" s="15">
        <v>128</v>
      </c>
      <c r="D9" s="15">
        <v>17</v>
      </c>
      <c r="E9" s="15">
        <v>94</v>
      </c>
      <c r="F9" s="15">
        <v>17</v>
      </c>
      <c r="G9" s="15">
        <v>1670</v>
      </c>
      <c r="H9" s="15">
        <v>1493</v>
      </c>
      <c r="I9" s="15">
        <v>210</v>
      </c>
      <c r="J9" s="15">
        <v>415</v>
      </c>
      <c r="K9" s="15">
        <v>868</v>
      </c>
    </row>
    <row r="10" spans="1:21" ht="18" customHeight="1">
      <c r="A10" s="4">
        <v>18</v>
      </c>
      <c r="B10" s="10">
        <v>20</v>
      </c>
      <c r="C10" s="10">
        <v>227</v>
      </c>
      <c r="D10" s="10">
        <v>17</v>
      </c>
      <c r="E10" s="10">
        <v>175</v>
      </c>
      <c r="F10" s="10">
        <v>35</v>
      </c>
      <c r="G10" s="10">
        <v>1670</v>
      </c>
      <c r="H10" s="10">
        <v>1447</v>
      </c>
      <c r="I10" s="10">
        <v>219</v>
      </c>
      <c r="J10" s="10">
        <v>373</v>
      </c>
      <c r="K10" s="10">
        <v>855</v>
      </c>
    </row>
    <row r="11" spans="1:21" ht="18" customHeight="1">
      <c r="A11" s="4">
        <v>19</v>
      </c>
      <c r="B11" s="10">
        <v>19</v>
      </c>
      <c r="C11" s="10">
        <v>235</v>
      </c>
      <c r="D11" s="10">
        <v>18</v>
      </c>
      <c r="E11" s="10">
        <v>182</v>
      </c>
      <c r="F11" s="10">
        <v>35</v>
      </c>
      <c r="G11" s="10">
        <v>1680</v>
      </c>
      <c r="H11" s="10">
        <v>1456</v>
      </c>
      <c r="I11" s="10">
        <v>222</v>
      </c>
      <c r="J11" s="10">
        <v>394</v>
      </c>
      <c r="K11" s="10">
        <v>840</v>
      </c>
    </row>
    <row r="12" spans="1:21" ht="18" customHeight="1">
      <c r="A12" s="14">
        <v>20</v>
      </c>
      <c r="B12" s="11">
        <v>19</v>
      </c>
      <c r="C12" s="10">
        <v>235</v>
      </c>
      <c r="D12" s="10">
        <v>19</v>
      </c>
      <c r="E12" s="10">
        <v>182</v>
      </c>
      <c r="F12" s="10">
        <v>34</v>
      </c>
      <c r="G12" s="10">
        <v>1680</v>
      </c>
      <c r="H12" s="10">
        <v>1407</v>
      </c>
      <c r="I12" s="10">
        <v>227</v>
      </c>
      <c r="J12" s="10">
        <v>351</v>
      </c>
      <c r="K12" s="10">
        <v>829</v>
      </c>
    </row>
    <row r="13" spans="1:21" s="9" customFormat="1" ht="18" customHeight="1">
      <c r="A13" s="12">
        <v>21</v>
      </c>
      <c r="B13" s="11">
        <v>19</v>
      </c>
      <c r="C13" s="10">
        <v>248</v>
      </c>
      <c r="D13" s="10">
        <v>19</v>
      </c>
      <c r="E13" s="10">
        <v>194</v>
      </c>
      <c r="F13" s="10">
        <v>35</v>
      </c>
      <c r="G13" s="10">
        <v>1680</v>
      </c>
      <c r="H13" s="10">
        <v>1368</v>
      </c>
      <c r="I13" s="10">
        <v>227</v>
      </c>
      <c r="J13" s="10">
        <v>343</v>
      </c>
      <c r="K13" s="10">
        <v>798</v>
      </c>
    </row>
    <row r="14" spans="1:21" s="9" customFormat="1" ht="18" customHeight="1">
      <c r="A14" s="12">
        <v>22</v>
      </c>
      <c r="B14" s="11">
        <v>19</v>
      </c>
      <c r="C14" s="10">
        <v>269</v>
      </c>
      <c r="D14" s="10">
        <v>19</v>
      </c>
      <c r="E14" s="10">
        <v>214</v>
      </c>
      <c r="F14" s="10">
        <v>36</v>
      </c>
      <c r="G14" s="10">
        <v>1680</v>
      </c>
      <c r="H14" s="10">
        <v>1357</v>
      </c>
      <c r="I14" s="10">
        <v>228</v>
      </c>
      <c r="J14" s="10">
        <v>370</v>
      </c>
      <c r="K14" s="10">
        <v>759</v>
      </c>
    </row>
    <row r="15" spans="1:21" s="9" customFormat="1" ht="18" customHeight="1">
      <c r="A15" s="12">
        <v>23</v>
      </c>
      <c r="B15" s="11">
        <v>19</v>
      </c>
      <c r="C15" s="10">
        <v>272</v>
      </c>
      <c r="D15" s="10">
        <v>19</v>
      </c>
      <c r="E15" s="10">
        <v>217</v>
      </c>
      <c r="F15" s="10">
        <v>36</v>
      </c>
      <c r="G15" s="10">
        <v>1680</v>
      </c>
      <c r="H15" s="10">
        <v>1385</v>
      </c>
      <c r="I15" s="10">
        <v>246</v>
      </c>
      <c r="J15" s="10">
        <v>366</v>
      </c>
      <c r="K15" s="10">
        <v>773</v>
      </c>
    </row>
    <row r="16" spans="1:21" s="9" customFormat="1" ht="18" customHeight="1">
      <c r="A16" s="12">
        <v>24</v>
      </c>
      <c r="B16" s="11">
        <v>19</v>
      </c>
      <c r="C16" s="10">
        <v>281</v>
      </c>
      <c r="D16" s="10">
        <v>19</v>
      </c>
      <c r="E16" s="10">
        <v>224</v>
      </c>
      <c r="F16" s="10">
        <v>38</v>
      </c>
      <c r="G16" s="10">
        <v>1680</v>
      </c>
      <c r="H16" s="10">
        <v>1404</v>
      </c>
      <c r="I16" s="10">
        <v>261</v>
      </c>
      <c r="J16" s="10">
        <v>359</v>
      </c>
      <c r="K16" s="10">
        <v>784</v>
      </c>
    </row>
    <row r="17" spans="1:11" s="9" customFormat="1" ht="18" customHeight="1">
      <c r="A17" s="12">
        <v>25</v>
      </c>
      <c r="B17" s="11">
        <v>19</v>
      </c>
      <c r="C17" s="10">
        <v>283</v>
      </c>
      <c r="D17" s="10">
        <v>19</v>
      </c>
      <c r="E17" s="10">
        <v>225</v>
      </c>
      <c r="F17" s="10">
        <v>39</v>
      </c>
      <c r="G17" s="10">
        <v>1680</v>
      </c>
      <c r="H17" s="10">
        <v>1388</v>
      </c>
      <c r="I17" s="10">
        <v>278</v>
      </c>
      <c r="J17" s="10">
        <v>349</v>
      </c>
      <c r="K17" s="10">
        <v>761</v>
      </c>
    </row>
    <row r="18" spans="1:11" s="17" customFormat="1" ht="18" customHeight="1">
      <c r="A18" s="12">
        <v>26</v>
      </c>
      <c r="B18" s="19">
        <v>19</v>
      </c>
      <c r="C18" s="18">
        <v>294</v>
      </c>
      <c r="D18" s="18">
        <v>19</v>
      </c>
      <c r="E18" s="18">
        <v>234</v>
      </c>
      <c r="F18" s="18">
        <v>41</v>
      </c>
      <c r="G18" s="18">
        <v>1680</v>
      </c>
      <c r="H18" s="18">
        <v>1402</v>
      </c>
      <c r="I18" s="18">
        <v>307</v>
      </c>
      <c r="J18" s="18">
        <v>362</v>
      </c>
      <c r="K18" s="18">
        <v>733</v>
      </c>
    </row>
    <row r="19" spans="1:11" s="17" customFormat="1" ht="18" customHeight="1">
      <c r="A19" s="12">
        <v>27</v>
      </c>
      <c r="B19" s="19">
        <v>19</v>
      </c>
      <c r="C19" s="18">
        <v>305</v>
      </c>
      <c r="D19" s="18">
        <v>16</v>
      </c>
      <c r="E19" s="18">
        <v>246</v>
      </c>
      <c r="F19" s="18">
        <v>43</v>
      </c>
      <c r="G19" s="18">
        <v>1680</v>
      </c>
      <c r="H19" s="18">
        <v>1404</v>
      </c>
      <c r="I19" s="18">
        <v>312</v>
      </c>
      <c r="J19" s="18">
        <v>339</v>
      </c>
      <c r="K19" s="18">
        <v>753</v>
      </c>
    </row>
    <row r="20" spans="1:11" s="17" customFormat="1" ht="18" customHeight="1">
      <c r="A20" s="12">
        <v>28</v>
      </c>
      <c r="B20" s="19">
        <v>19</v>
      </c>
      <c r="C20" s="18">
        <v>299</v>
      </c>
      <c r="D20" s="18">
        <v>16</v>
      </c>
      <c r="E20" s="18">
        <v>239</v>
      </c>
      <c r="F20" s="18">
        <v>44</v>
      </c>
      <c r="G20" s="18">
        <v>1680</v>
      </c>
      <c r="H20" s="18">
        <v>1381</v>
      </c>
      <c r="I20" s="18">
        <v>316</v>
      </c>
      <c r="J20" s="18">
        <v>343</v>
      </c>
      <c r="K20" s="18">
        <v>722</v>
      </c>
    </row>
    <row r="21" spans="1:11" s="17" customFormat="1" ht="18" customHeight="1">
      <c r="A21" s="12">
        <v>29</v>
      </c>
      <c r="B21" s="19">
        <v>15</v>
      </c>
      <c r="C21" s="18">
        <v>313</v>
      </c>
      <c r="D21" s="18">
        <v>14</v>
      </c>
      <c r="E21" s="18">
        <v>255</v>
      </c>
      <c r="F21" s="18">
        <v>44</v>
      </c>
      <c r="G21" s="18">
        <v>1665</v>
      </c>
      <c r="H21" s="18">
        <v>1423</v>
      </c>
      <c r="I21" s="18">
        <v>360</v>
      </c>
      <c r="J21" s="18">
        <v>361</v>
      </c>
      <c r="K21" s="18">
        <v>702</v>
      </c>
    </row>
    <row r="22" spans="1:11" s="17" customFormat="1" ht="18" customHeight="1">
      <c r="A22" s="12">
        <v>30</v>
      </c>
      <c r="B22" s="19">
        <v>15</v>
      </c>
      <c r="C22" s="18">
        <v>330</v>
      </c>
      <c r="D22" s="18">
        <v>11</v>
      </c>
      <c r="E22" s="18">
        <v>274</v>
      </c>
      <c r="F22" s="18">
        <v>45</v>
      </c>
      <c r="G22" s="18">
        <v>1665</v>
      </c>
      <c r="H22" s="18">
        <v>1453</v>
      </c>
      <c r="I22" s="18">
        <v>409</v>
      </c>
      <c r="J22" s="18">
        <v>313</v>
      </c>
      <c r="K22" s="18">
        <v>731</v>
      </c>
    </row>
    <row r="23" spans="1:11" ht="18.75" customHeight="1" thickBot="1">
      <c r="A23" s="13" t="s">
        <v>17</v>
      </c>
      <c r="B23" s="20">
        <v>15</v>
      </c>
      <c r="C23" s="21">
        <v>320</v>
      </c>
      <c r="D23" s="21">
        <v>10</v>
      </c>
      <c r="E23" s="21">
        <v>263</v>
      </c>
      <c r="F23" s="21">
        <v>47</v>
      </c>
      <c r="G23" s="21">
        <v>1665</v>
      </c>
      <c r="H23" s="21">
        <v>1367</v>
      </c>
      <c r="I23" s="21">
        <v>387</v>
      </c>
      <c r="J23" s="21">
        <v>310</v>
      </c>
      <c r="K23" s="21">
        <v>670</v>
      </c>
    </row>
    <row r="24" spans="1:11" ht="12" customHeight="1">
      <c r="A24" s="3" t="s">
        <v>14</v>
      </c>
    </row>
    <row r="27" spans="1:11" ht="12" customHeight="1"/>
    <row r="28" spans="1:11" ht="12" customHeight="1">
      <c r="C28" s="2"/>
    </row>
    <row r="29" spans="1:11" ht="10.5" customHeight="1"/>
    <row r="30" spans="1:11" ht="10.5" customHeight="1">
      <c r="I30" s="2"/>
    </row>
    <row r="31" spans="1:11" ht="10.5" customHeight="1"/>
    <row r="32" spans="1:11" ht="10.5" customHeight="1"/>
    <row r="33" ht="10.5" customHeight="1"/>
    <row r="34" ht="10.5" customHeight="1"/>
    <row r="35" ht="10.5" customHeight="1"/>
    <row r="36" ht="10.5" customHeight="1"/>
    <row r="37" ht="10.5" customHeight="1"/>
    <row r="38" ht="10.5" customHeight="1"/>
    <row r="39" ht="10.5" customHeight="1"/>
    <row r="40" ht="10.5" customHeight="1"/>
    <row r="41" ht="10.5" customHeight="1"/>
    <row r="42" ht="10.5" customHeight="1"/>
    <row r="43" ht="10.5" customHeight="1"/>
    <row r="44" ht="10.5" customHeight="1"/>
    <row r="45" ht="10.5" customHeight="1"/>
    <row r="46" ht="10.5" customHeight="1"/>
    <row r="47" ht="10.5" customHeight="1"/>
    <row r="48" ht="10.5" customHeight="1"/>
    <row r="49" ht="10.5" customHeight="1"/>
    <row r="50" ht="10.5" customHeight="1"/>
    <row r="51" ht="10.5" customHeight="1"/>
    <row r="52" ht="10.5" customHeight="1"/>
    <row r="53" ht="10.5" customHeight="1"/>
    <row r="54" ht="10.5" customHeight="1"/>
    <row r="55" ht="10.5" customHeight="1"/>
    <row r="56" ht="10.5" customHeight="1"/>
    <row r="57" ht="10.5" customHeight="1"/>
    <row r="58" ht="10.5" customHeight="1"/>
    <row r="59" ht="10.5" customHeight="1"/>
    <row r="60" ht="10.5" customHeight="1"/>
    <row r="61" ht="12" customHeight="1"/>
  </sheetData>
  <mergeCells count="5">
    <mergeCell ref="H3:K3"/>
    <mergeCell ref="A3:A4"/>
    <mergeCell ref="B3:B4"/>
    <mergeCell ref="C3:F3"/>
    <mergeCell ref="G3:G4"/>
  </mergeCells>
  <phoneticPr fontId="3"/>
  <pageMargins left="0.78700000000000003" right="0.78700000000000003" top="0.98399999999999999" bottom="0.98399999999999999" header="0.51200000000000001" footer="0.51200000000000001"/>
  <pageSetup paperSize="9" scale="97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9-17</vt:lpstr>
      <vt:lpstr>'19-17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久市役所</dc:creator>
  <cp:lastModifiedBy>Administrator</cp:lastModifiedBy>
  <cp:lastPrinted>2019-10-24T09:13:29Z</cp:lastPrinted>
  <dcterms:created xsi:type="dcterms:W3CDTF">2011-07-04T05:11:02Z</dcterms:created>
  <dcterms:modified xsi:type="dcterms:W3CDTF">2021-02-03T07:28:06Z</dcterms:modified>
</cp:coreProperties>
</file>